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574166\Desktop\temp_ATBUC\"/>
    </mc:Choice>
  </mc:AlternateContent>
  <bookViews>
    <workbookView xWindow="0" yWindow="0" windowWidth="28800" windowHeight="13500" tabRatio="500"/>
  </bookViews>
  <sheets>
    <sheet name="2021-2022" sheetId="1" r:id="rId1"/>
  </sheets>
  <calcPr calcId="0" iterateDelta="1E-4"/>
  <extLst>
    <ext xmlns:loext="http://schemas.libreoffice.org/" uri="{7626C862-2A13-11E5-B345-FEFF819CDC9F}">
      <loext:extCalcPr stringRefSyntax="ExcelA1"/>
    </ext>
  </extLst>
</workbook>
</file>

<file path=xl/sharedStrings.xml><?xml version="1.0" encoding="utf-8"?>
<sst xmlns="http://schemas.openxmlformats.org/spreadsheetml/2006/main" count="85" uniqueCount="53">
  <si>
    <t>CALENDRIER PREVISIONNEL AT BUC COMPETITEURS 2021/2022 MAJ 12/08/21</t>
  </si>
  <si>
    <t>SEPTEMBRE</t>
  </si>
  <si>
    <t>FORUM</t>
  </si>
  <si>
    <t>Ouverture armoire pour N+</t>
  </si>
  <si>
    <t>Entrainement compétition Pistolet</t>
  </si>
  <si>
    <t>Encadrement N+</t>
  </si>
  <si>
    <t>OCTOBRE</t>
  </si>
  <si>
    <t>Entrainement compétition Carabine</t>
  </si>
  <si>
    <t>Encadrement N+1</t>
  </si>
  <si>
    <t>MATCH CDTY
Carabine</t>
  </si>
  <si>
    <t>VACANCES SCOLAIRES</t>
  </si>
  <si>
    <t>NOVEMBRE</t>
  </si>
  <si>
    <t>F</t>
  </si>
  <si>
    <t>Deptx Arb Field Montesson</t>
  </si>
  <si>
    <t>Deptx 10m
PPM</t>
  </si>
  <si>
    <t>Deptx 10m
PPm</t>
  </si>
  <si>
    <t xml:space="preserve">Rgx Abt field
</t>
  </si>
  <si>
    <t>DECEMBRE</t>
  </si>
  <si>
    <t>Deptx 10m</t>
  </si>
  <si>
    <t>Deptx Club
PPM</t>
  </si>
  <si>
    <t>Deptx Club
PPm</t>
  </si>
  <si>
    <t>MATCH CDTY Carabine</t>
  </si>
  <si>
    <t>challenge Noel</t>
  </si>
  <si>
    <t>ATBUC</t>
  </si>
  <si>
    <t>Rgx arbalete match</t>
  </si>
  <si>
    <t>JANVIER</t>
  </si>
  <si>
    <t>Rgx 10m</t>
  </si>
  <si>
    <t>CRIT EDT</t>
  </si>
  <si>
    <t>CEDT</t>
  </si>
  <si>
    <t>Eaubonne</t>
  </si>
  <si>
    <t>TNV</t>
  </si>
  <si>
    <t>FEVRIER</t>
  </si>
  <si>
    <t>Rgx Club</t>
  </si>
  <si>
    <t>Rgx Club EdT</t>
  </si>
  <si>
    <t>CHAMPIONNAT DE France 10M BESANCON</t>
  </si>
  <si>
    <t>Monterau</t>
  </si>
  <si>
    <t>Créteil</t>
  </si>
  <si>
    <t>MARS</t>
  </si>
  <si>
    <t>FDC 10M LONGUENESSE</t>
  </si>
  <si>
    <t>CRIT Rgx EDT</t>
  </si>
  <si>
    <t>VS</t>
  </si>
  <si>
    <t>Montereau</t>
  </si>
  <si>
    <t>Entrainement compétition carabine</t>
  </si>
  <si>
    <t>Entrainement compétition pistolet</t>
  </si>
  <si>
    <t>Rgx EDT</t>
  </si>
  <si>
    <t>France EDT</t>
  </si>
  <si>
    <t>Ouverture armoire pour N+ (accès arme, vente plomb, carton …)</t>
  </si>
  <si>
    <t>09/10 avril</t>
  </si>
  <si>
    <t>26 - 29 mai</t>
  </si>
  <si>
    <t>Encadrement N+1 par les animateurs</t>
  </si>
  <si>
    <t>Championnat adulte</t>
  </si>
  <si>
    <t>Championnat EdT</t>
  </si>
  <si>
    <t>Match CDTY Pistolet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6" x14ac:knownFonts="1">
    <font>
      <sz val="11"/>
      <color rgb="FF000000"/>
      <name val="Calibri"/>
      <family val="2"/>
      <charset val="1"/>
    </font>
    <font>
      <b/>
      <sz val="16"/>
      <color rgb="FF000000"/>
      <name val="Calibri"/>
      <family val="2"/>
      <charset val="1"/>
    </font>
    <font>
      <b/>
      <sz val="12"/>
      <color rgb="FF000000"/>
      <name val="Calibri"/>
      <family val="2"/>
      <charset val="1"/>
    </font>
    <font>
      <b/>
      <sz val="18"/>
      <color rgb="FFFFFFFF"/>
      <name val="Calibri"/>
      <family val="2"/>
      <charset val="1"/>
    </font>
    <font>
      <b/>
      <sz val="11"/>
      <color rgb="FF000000"/>
      <name val="Calibri"/>
      <family val="2"/>
      <charset val="1"/>
    </font>
    <font>
      <b/>
      <sz val="16"/>
      <color rgb="FFE7E6E6"/>
      <name val="Calibri"/>
      <family val="2"/>
      <charset val="1"/>
    </font>
    <font>
      <b/>
      <sz val="11"/>
      <color rgb="FFFF99FF"/>
      <name val="Calibri"/>
      <family val="2"/>
      <charset val="1"/>
    </font>
    <font>
      <sz val="8"/>
      <color rgb="FF002060"/>
      <name val="Calibri"/>
      <family val="2"/>
      <charset val="1"/>
    </font>
    <font>
      <sz val="12"/>
      <color rgb="FF7030A0"/>
      <name val="Calibri"/>
      <family val="2"/>
      <charset val="1"/>
    </font>
    <font>
      <sz val="12"/>
      <color rgb="FF000000"/>
      <name val="Calibri"/>
      <family val="2"/>
      <charset val="1"/>
    </font>
    <font>
      <b/>
      <sz val="11"/>
      <color rgb="FF7030A0"/>
      <name val="Calibri"/>
      <family val="2"/>
      <charset val="1"/>
    </font>
    <font>
      <b/>
      <sz val="10"/>
      <color rgb="FF002060"/>
      <name val="Calibri"/>
      <family val="2"/>
      <charset val="1"/>
    </font>
    <font>
      <b/>
      <sz val="9"/>
      <color rgb="FF000000"/>
      <name val="Calibri"/>
      <family val="2"/>
      <charset val="1"/>
    </font>
    <font>
      <sz val="14"/>
      <color rgb="FF002060"/>
      <name val="Calibri"/>
      <family val="2"/>
      <charset val="1"/>
    </font>
    <font>
      <b/>
      <sz val="11"/>
      <color rgb="FF002060"/>
      <name val="Calibri"/>
      <family val="2"/>
      <charset val="1"/>
    </font>
    <font>
      <b/>
      <sz val="9"/>
      <color rgb="FF7030A0"/>
      <name val="Calibri"/>
      <family val="2"/>
      <charset val="1"/>
    </font>
    <font>
      <b/>
      <sz val="14"/>
      <name val="Calibri"/>
      <family val="2"/>
      <charset val="1"/>
    </font>
    <font>
      <b/>
      <sz val="16"/>
      <name val="Calibri"/>
      <family val="2"/>
      <charset val="1"/>
    </font>
    <font>
      <sz val="12"/>
      <color rgb="FF002060"/>
      <name val="Calibri"/>
      <family val="2"/>
      <charset val="1"/>
    </font>
    <font>
      <sz val="14"/>
      <name val="Calibri"/>
      <family val="2"/>
      <charset val="1"/>
    </font>
    <font>
      <b/>
      <sz val="12"/>
      <color rgb="FFE7E6E6"/>
      <name val="Calibri"/>
      <family val="2"/>
      <charset val="1"/>
    </font>
    <font>
      <sz val="11"/>
      <color rgb="FF002060"/>
      <name val="Calibri"/>
      <family val="2"/>
      <charset val="1"/>
    </font>
    <font>
      <b/>
      <sz val="11"/>
      <name val="Calibri"/>
      <family val="2"/>
      <charset val="1"/>
    </font>
    <font>
      <sz val="8"/>
      <name val="Calibri"/>
      <family val="2"/>
      <charset val="1"/>
    </font>
    <font>
      <sz val="12"/>
      <name val="Calibri"/>
      <family val="2"/>
      <charset val="1"/>
    </font>
    <font>
      <sz val="11"/>
      <name val="Calibri"/>
      <family val="2"/>
      <charset val="1"/>
    </font>
  </fonts>
  <fills count="16">
    <fill>
      <patternFill patternType="none"/>
    </fill>
    <fill>
      <patternFill patternType="gray125"/>
    </fill>
    <fill>
      <patternFill patternType="solid">
        <fgColor rgb="FFB4C7E7"/>
        <bgColor rgb="FFBDD7EE"/>
      </patternFill>
    </fill>
    <fill>
      <patternFill patternType="solid">
        <fgColor rgb="FF8FAADC"/>
        <bgColor rgb="FF99CCFF"/>
      </patternFill>
    </fill>
    <fill>
      <patternFill patternType="solid">
        <fgColor rgb="FFBDD7EE"/>
        <bgColor rgb="FFB4C7E7"/>
      </patternFill>
    </fill>
    <fill>
      <patternFill patternType="solid">
        <fgColor rgb="FFFFFFFF"/>
        <bgColor rgb="FFFFF2CC"/>
      </patternFill>
    </fill>
    <fill>
      <patternFill patternType="solid">
        <fgColor rgb="FFD9D9D9"/>
        <bgColor rgb="FFE7E6E6"/>
      </patternFill>
    </fill>
    <fill>
      <patternFill patternType="solid">
        <fgColor rgb="FF70AD47"/>
        <bgColor rgb="FF339966"/>
      </patternFill>
    </fill>
    <fill>
      <patternFill patternType="solid">
        <fgColor rgb="FF5B9BD5"/>
        <bgColor rgb="FF8FAADC"/>
      </patternFill>
    </fill>
    <fill>
      <patternFill patternType="solid">
        <fgColor rgb="FFC7A1E3"/>
        <bgColor rgb="FFB4C7E7"/>
      </patternFill>
    </fill>
    <fill>
      <patternFill patternType="solid">
        <fgColor rgb="FFFFF2CC"/>
        <bgColor rgb="FFE7E6E6"/>
      </patternFill>
    </fill>
    <fill>
      <patternFill patternType="solid">
        <fgColor rgb="FFC00000"/>
        <bgColor rgb="FF800000"/>
      </patternFill>
    </fill>
    <fill>
      <patternFill patternType="solid">
        <fgColor rgb="FFFFFF00"/>
        <bgColor rgb="FFFFFF00"/>
      </patternFill>
    </fill>
    <fill>
      <patternFill patternType="solid">
        <fgColor rgb="FFC5E0B4"/>
        <bgColor rgb="FFD9D9D9"/>
      </patternFill>
    </fill>
    <fill>
      <patternFill patternType="solid">
        <fgColor rgb="FFFFC000"/>
        <bgColor rgb="FFFF9900"/>
      </patternFill>
    </fill>
    <fill>
      <patternFill patternType="solid">
        <fgColor rgb="FFFF5050"/>
        <bgColor rgb="FFFF8080"/>
      </patternFill>
    </fill>
  </fills>
  <borders count="14">
    <border>
      <left/>
      <right/>
      <top/>
      <bottom/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/>
      <diagonal/>
    </border>
  </borders>
  <cellStyleXfs count="1">
    <xf numFmtId="0" fontId="0" fillId="0" borderId="0"/>
  </cellStyleXfs>
  <cellXfs count="88">
    <xf numFmtId="0" fontId="0" fillId="0" borderId="0" xfId="0"/>
    <xf numFmtId="0" fontId="2" fillId="4" borderId="3" xfId="0" applyFont="1" applyFill="1" applyBorder="1" applyAlignment="1">
      <alignment horizontal="center" vertical="center"/>
    </xf>
    <xf numFmtId="0" fontId="2" fillId="5" borderId="4" xfId="0" applyFont="1" applyFill="1" applyBorder="1" applyAlignment="1">
      <alignment horizontal="center" vertical="center"/>
    </xf>
    <xf numFmtId="0" fontId="2" fillId="6" borderId="4" xfId="0" applyFont="1" applyFill="1" applyBorder="1" applyAlignment="1">
      <alignment horizontal="center" vertical="center"/>
    </xf>
    <xf numFmtId="0" fontId="3" fillId="5" borderId="4" xfId="0" applyFont="1" applyFill="1" applyBorder="1" applyAlignment="1">
      <alignment vertical="center" wrapText="1"/>
    </xf>
    <xf numFmtId="0" fontId="2" fillId="5" borderId="4" xfId="0" applyFont="1" applyFill="1" applyBorder="1" applyAlignment="1">
      <alignment vertical="center"/>
    </xf>
    <xf numFmtId="0" fontId="5" fillId="5" borderId="4" xfId="0" applyFont="1" applyFill="1" applyBorder="1" applyAlignment="1">
      <alignment vertical="center"/>
    </xf>
    <xf numFmtId="0" fontId="4" fillId="5" borderId="4" xfId="0" applyFont="1" applyFill="1" applyBorder="1" applyAlignment="1">
      <alignment horizontal="center" vertical="center" wrapText="1"/>
    </xf>
    <xf numFmtId="0" fontId="6" fillId="5" borderId="4" xfId="0" applyFont="1" applyFill="1" applyBorder="1" applyAlignment="1">
      <alignment horizontal="center" vertical="center"/>
    </xf>
    <xf numFmtId="0" fontId="6" fillId="6" borderId="4" xfId="0" applyFont="1" applyFill="1" applyBorder="1" applyAlignment="1">
      <alignment horizontal="center" vertical="center"/>
    </xf>
    <xf numFmtId="0" fontId="4" fillId="5" borderId="4" xfId="0" applyFont="1" applyFill="1" applyBorder="1" applyAlignment="1">
      <alignment vertical="center" wrapText="1"/>
    </xf>
    <xf numFmtId="0" fontId="6" fillId="5" borderId="4" xfId="0" applyFont="1" applyFill="1" applyBorder="1" applyAlignment="1">
      <alignment vertical="center"/>
    </xf>
    <xf numFmtId="0" fontId="7" fillId="5" borderId="6" xfId="0" applyFont="1" applyFill="1" applyBorder="1" applyAlignment="1">
      <alignment vertical="center" wrapText="1"/>
    </xf>
    <xf numFmtId="0" fontId="3" fillId="5" borderId="5" xfId="0" applyFont="1" applyFill="1" applyBorder="1" applyAlignment="1">
      <alignment horizontal="center"/>
    </xf>
    <xf numFmtId="0" fontId="7" fillId="5" borderId="5" xfId="0" applyFont="1" applyFill="1" applyBorder="1" applyAlignment="1">
      <alignment vertical="center" wrapText="1"/>
    </xf>
    <xf numFmtId="0" fontId="7" fillId="6" borderId="5" xfId="0" applyFont="1" applyFill="1" applyBorder="1" applyAlignment="1">
      <alignment vertical="center" wrapText="1"/>
    </xf>
    <xf numFmtId="0" fontId="8" fillId="6" borderId="5" xfId="0" applyFont="1" applyFill="1" applyBorder="1"/>
    <xf numFmtId="0" fontId="9" fillId="5" borderId="5" xfId="0" applyFont="1" applyFill="1" applyBorder="1" applyAlignment="1">
      <alignment horizontal="center"/>
    </xf>
    <xf numFmtId="0" fontId="2" fillId="4" borderId="7" xfId="0" applyFont="1" applyFill="1" applyBorder="1" applyAlignment="1">
      <alignment horizontal="center" vertical="center"/>
    </xf>
    <xf numFmtId="0" fontId="2" fillId="6" borderId="8" xfId="0" applyFont="1" applyFill="1" applyBorder="1" applyAlignment="1">
      <alignment horizontal="center" vertical="center"/>
    </xf>
    <xf numFmtId="0" fontId="8" fillId="5" borderId="5" xfId="0" applyFont="1" applyFill="1" applyBorder="1"/>
    <xf numFmtId="0" fontId="4" fillId="9" borderId="6" xfId="0" applyFont="1" applyFill="1" applyBorder="1" applyAlignment="1">
      <alignment horizontal="center" vertical="center" wrapText="1"/>
    </xf>
    <xf numFmtId="0" fontId="2" fillId="0" borderId="4" xfId="0" applyFont="1" applyBorder="1" applyAlignment="1">
      <alignment horizontal="center" vertical="center"/>
    </xf>
    <xf numFmtId="0" fontId="2" fillId="5" borderId="4" xfId="0" applyFont="1" applyFill="1" applyBorder="1" applyAlignment="1">
      <alignment vertical="center" wrapText="1"/>
    </xf>
    <xf numFmtId="0" fontId="6" fillId="0" borderId="4" xfId="0" applyFont="1" applyBorder="1" applyAlignment="1">
      <alignment horizontal="center" vertical="center"/>
    </xf>
    <xf numFmtId="0" fontId="2" fillId="5" borderId="5" xfId="0" applyFont="1" applyFill="1" applyBorder="1" applyAlignment="1">
      <alignment vertical="center" wrapText="1"/>
    </xf>
    <xf numFmtId="0" fontId="11" fillId="12" borderId="5" xfId="0" applyFont="1" applyFill="1" applyBorder="1" applyAlignment="1">
      <alignment vertical="center" wrapText="1"/>
    </xf>
    <xf numFmtId="0" fontId="2" fillId="6" borderId="4" xfId="0" applyFont="1" applyFill="1" applyBorder="1" applyAlignment="1">
      <alignment vertical="center" wrapText="1"/>
    </xf>
    <xf numFmtId="0" fontId="9" fillId="5" borderId="8" xfId="0" applyFont="1" applyFill="1" applyBorder="1" applyAlignment="1"/>
    <xf numFmtId="0" fontId="12" fillId="13" borderId="4" xfId="0" applyFont="1" applyFill="1" applyBorder="1" applyAlignment="1">
      <alignment horizontal="center" vertical="center" wrapText="1"/>
    </xf>
    <xf numFmtId="0" fontId="13" fillId="12" borderId="5" xfId="0" applyFont="1" applyFill="1" applyBorder="1" applyAlignment="1">
      <alignment vertical="center" wrapText="1"/>
    </xf>
    <xf numFmtId="0" fontId="14" fillId="12" borderId="5" xfId="0" applyFont="1" applyFill="1" applyBorder="1" applyAlignment="1">
      <alignment vertical="center" wrapText="1"/>
    </xf>
    <xf numFmtId="0" fontId="15" fillId="2" borderId="5" xfId="0" applyFont="1" applyFill="1" applyBorder="1" applyAlignment="1">
      <alignment horizontal="center" vertical="center" wrapText="1"/>
    </xf>
    <xf numFmtId="0" fontId="2" fillId="6" borderId="4" xfId="0" applyFont="1" applyFill="1" applyBorder="1" applyAlignment="1">
      <alignment vertical="center"/>
    </xf>
    <xf numFmtId="0" fontId="17" fillId="14" borderId="4" xfId="0" applyFont="1" applyFill="1" applyBorder="1" applyAlignment="1">
      <alignment vertical="center"/>
    </xf>
    <xf numFmtId="0" fontId="6" fillId="6" borderId="4" xfId="0" applyFont="1" applyFill="1" applyBorder="1" applyAlignment="1">
      <alignment vertical="center"/>
    </xf>
    <xf numFmtId="0" fontId="4" fillId="6" borderId="4" xfId="0" applyFont="1" applyFill="1" applyBorder="1" applyAlignment="1">
      <alignment horizontal="center" vertical="center" wrapText="1"/>
    </xf>
    <xf numFmtId="0" fontId="18" fillId="12" borderId="5" xfId="0" applyFont="1" applyFill="1" applyBorder="1" applyAlignment="1">
      <alignment vertical="center" wrapText="1"/>
    </xf>
    <xf numFmtId="0" fontId="19" fillId="14" borderId="5" xfId="0" applyFont="1" applyFill="1" applyBorder="1" applyAlignment="1">
      <alignment vertical="center" wrapText="1"/>
    </xf>
    <xf numFmtId="0" fontId="19" fillId="14" borderId="5" xfId="0" applyFont="1" applyFill="1" applyBorder="1" applyAlignment="1">
      <alignment horizontal="center"/>
    </xf>
    <xf numFmtId="0" fontId="9" fillId="5" borderId="9" xfId="0" applyFont="1" applyFill="1" applyBorder="1" applyAlignment="1"/>
    <xf numFmtId="0" fontId="5" fillId="5" borderId="8" xfId="0" applyFont="1" applyFill="1" applyBorder="1" applyAlignment="1">
      <alignment vertical="center"/>
    </xf>
    <xf numFmtId="0" fontId="4" fillId="5" borderId="8" xfId="0" applyFont="1" applyFill="1" applyBorder="1" applyAlignment="1">
      <alignment vertical="center" wrapText="1"/>
    </xf>
    <xf numFmtId="0" fontId="21" fillId="12" borderId="5" xfId="0" applyFont="1" applyFill="1" applyBorder="1" applyAlignment="1">
      <alignment vertical="center" wrapText="1"/>
    </xf>
    <xf numFmtId="0" fontId="20" fillId="0" borderId="4" xfId="0" applyFont="1" applyBorder="1" applyAlignment="1">
      <alignment vertical="center"/>
    </xf>
    <xf numFmtId="0" fontId="22" fillId="6" borderId="4" xfId="0" applyFont="1" applyFill="1" applyBorder="1" applyAlignment="1">
      <alignment vertical="center"/>
    </xf>
    <xf numFmtId="0" fontId="22" fillId="6" borderId="4" xfId="0" applyFont="1" applyFill="1" applyBorder="1" applyAlignment="1">
      <alignment horizontal="center" vertical="center" wrapText="1"/>
    </xf>
    <xf numFmtId="0" fontId="5" fillId="0" borderId="8" xfId="0" applyFont="1" applyBorder="1" applyAlignment="1">
      <alignment vertical="center"/>
    </xf>
    <xf numFmtId="0" fontId="5" fillId="0" borderId="4" xfId="0" applyFont="1" applyBorder="1" applyAlignment="1">
      <alignment vertical="center"/>
    </xf>
    <xf numFmtId="0" fontId="4" fillId="0" borderId="8" xfId="0" applyFont="1" applyBorder="1" applyAlignment="1">
      <alignment vertical="center" wrapText="1"/>
    </xf>
    <xf numFmtId="0" fontId="4" fillId="0" borderId="4" xfId="0" applyFont="1" applyBorder="1" applyAlignment="1">
      <alignment horizontal="center" vertical="center" wrapText="1"/>
    </xf>
    <xf numFmtId="0" fontId="23" fillId="6" borderId="5" xfId="0" applyFont="1" applyFill="1" applyBorder="1" applyAlignment="1">
      <alignment vertical="center" wrapText="1"/>
    </xf>
    <xf numFmtId="0" fontId="24" fillId="6" borderId="5" xfId="0" applyFont="1" applyFill="1" applyBorder="1"/>
    <xf numFmtId="0" fontId="10" fillId="0" borderId="5" xfId="0" applyFont="1" applyBorder="1" applyAlignment="1">
      <alignment vertical="center" wrapText="1"/>
    </xf>
    <xf numFmtId="0" fontId="6" fillId="6" borderId="5" xfId="0" applyFont="1" applyFill="1" applyBorder="1" applyAlignment="1">
      <alignment horizontal="center" vertical="center"/>
    </xf>
    <xf numFmtId="0" fontId="25" fillId="14" borderId="5" xfId="0" applyFont="1" applyFill="1" applyBorder="1" applyAlignment="1">
      <alignment vertical="center" wrapText="1"/>
    </xf>
    <xf numFmtId="0" fontId="7" fillId="0" borderId="5" xfId="0" applyFont="1" applyBorder="1" applyAlignment="1">
      <alignment vertical="center" wrapText="1"/>
    </xf>
    <xf numFmtId="0" fontId="8" fillId="0" borderId="5" xfId="0" applyFont="1" applyBorder="1"/>
    <xf numFmtId="0" fontId="25" fillId="0" borderId="0" xfId="0" applyFont="1"/>
    <xf numFmtId="0" fontId="0" fillId="9" borderId="0" xfId="0" applyFont="1" applyFill="1"/>
    <xf numFmtId="0" fontId="0" fillId="14" borderId="0" xfId="0" applyFont="1" applyFill="1"/>
    <xf numFmtId="0" fontId="4" fillId="7" borderId="12" xfId="0" applyFont="1" applyFill="1" applyBorder="1" applyAlignment="1">
      <alignment horizontal="center" vertical="center" wrapText="1"/>
    </xf>
    <xf numFmtId="0" fontId="4" fillId="7" borderId="13" xfId="0" applyFont="1" applyFill="1" applyBorder="1" applyAlignment="1">
      <alignment horizontal="center" vertical="center" wrapText="1"/>
    </xf>
    <xf numFmtId="0" fontId="4" fillId="7" borderId="6" xfId="0" applyFont="1" applyFill="1" applyBorder="1" applyAlignment="1">
      <alignment horizontal="center" vertical="center" wrapText="1"/>
    </xf>
    <xf numFmtId="0" fontId="4" fillId="9" borderId="5" xfId="0" applyFont="1" applyFill="1" applyBorder="1" applyAlignment="1">
      <alignment horizontal="center" vertical="center" wrapText="1"/>
    </xf>
    <xf numFmtId="0" fontId="2" fillId="4" borderId="5" xfId="0" applyFont="1" applyFill="1" applyBorder="1" applyAlignment="1">
      <alignment horizontal="center" vertical="center" wrapText="1"/>
    </xf>
    <xf numFmtId="0" fontId="4" fillId="7" borderId="5" xfId="0" applyFont="1" applyFill="1" applyBorder="1" applyAlignment="1">
      <alignment horizontal="center" vertical="center" wrapText="1"/>
    </xf>
    <xf numFmtId="0" fontId="2" fillId="8" borderId="5" xfId="0" applyFont="1" applyFill="1" applyBorder="1" applyAlignment="1">
      <alignment horizontal="center" vertical="center" wrapText="1"/>
    </xf>
    <xf numFmtId="0" fontId="1" fillId="2" borderId="1" xfId="0" applyFont="1" applyFill="1" applyBorder="1" applyAlignment="1">
      <alignment horizontal="center" vertical="center"/>
    </xf>
    <xf numFmtId="0" fontId="2" fillId="3" borderId="2" xfId="0" applyFont="1" applyFill="1" applyBorder="1" applyAlignment="1">
      <alignment horizontal="center" vertical="center"/>
    </xf>
    <xf numFmtId="0" fontId="2" fillId="6" borderId="5" xfId="0" applyFont="1" applyFill="1" applyBorder="1" applyAlignment="1">
      <alignment horizontal="center" vertical="center"/>
    </xf>
    <xf numFmtId="0" fontId="10" fillId="10" borderId="9" xfId="0" applyFont="1" applyFill="1" applyBorder="1" applyAlignment="1">
      <alignment horizontal="center" vertical="center"/>
    </xf>
    <xf numFmtId="0" fontId="2" fillId="11" borderId="4" xfId="0" applyFont="1" applyFill="1" applyBorder="1" applyAlignment="1">
      <alignment horizontal="center" vertical="center"/>
    </xf>
    <xf numFmtId="0" fontId="2" fillId="12" borderId="4" xfId="0" applyFont="1" applyFill="1" applyBorder="1" applyAlignment="1">
      <alignment horizontal="center" vertical="center" wrapText="1"/>
    </xf>
    <xf numFmtId="0" fontId="2" fillId="11" borderId="5" xfId="0" applyFont="1" applyFill="1" applyBorder="1" applyAlignment="1">
      <alignment horizontal="center" vertical="center"/>
    </xf>
    <xf numFmtId="0" fontId="10" fillId="10" borderId="10" xfId="0" applyFont="1" applyFill="1" applyBorder="1" applyAlignment="1">
      <alignment horizontal="center" vertical="center" wrapText="1"/>
    </xf>
    <xf numFmtId="0" fontId="2" fillId="9" borderId="4" xfId="0" applyFont="1" applyFill="1" applyBorder="1" applyAlignment="1">
      <alignment horizontal="center" vertical="center" wrapText="1"/>
    </xf>
    <xf numFmtId="0" fontId="10" fillId="10" borderId="9" xfId="0" applyFont="1" applyFill="1" applyBorder="1" applyAlignment="1">
      <alignment horizontal="center" vertical="center" wrapText="1"/>
    </xf>
    <xf numFmtId="0" fontId="16" fillId="14" borderId="4" xfId="0" applyFont="1" applyFill="1" applyBorder="1" applyAlignment="1">
      <alignment horizontal="center" vertical="center"/>
    </xf>
    <xf numFmtId="0" fontId="7" fillId="10" borderId="10" xfId="0" applyFont="1" applyFill="1" applyBorder="1" applyAlignment="1">
      <alignment horizontal="center" vertical="center" wrapText="1"/>
    </xf>
    <xf numFmtId="0" fontId="16" fillId="14" borderId="4" xfId="0" applyFont="1" applyFill="1" applyBorder="1" applyAlignment="1">
      <alignment horizontal="center" vertical="center" wrapText="1"/>
    </xf>
    <xf numFmtId="0" fontId="13" fillId="10" borderId="5" xfId="0" applyFont="1" applyFill="1" applyBorder="1" applyAlignment="1">
      <alignment horizontal="center" vertical="center" wrapText="1"/>
    </xf>
    <xf numFmtId="0" fontId="0" fillId="7" borderId="0" xfId="0" applyFont="1" applyFill="1" applyBorder="1" applyAlignment="1">
      <alignment horizontal="center"/>
    </xf>
    <xf numFmtId="0" fontId="20" fillId="15" borderId="4" xfId="0" applyFont="1" applyFill="1" applyBorder="1" applyAlignment="1">
      <alignment horizontal="center" vertical="center"/>
    </xf>
    <xf numFmtId="0" fontId="2" fillId="4" borderId="11" xfId="0" applyFont="1" applyFill="1" applyBorder="1" applyAlignment="1">
      <alignment horizontal="center" vertical="center" wrapText="1"/>
    </xf>
    <xf numFmtId="0" fontId="2" fillId="8" borderId="11" xfId="0" applyFont="1" applyFill="1" applyBorder="1" applyAlignment="1">
      <alignment horizontal="center" vertical="center" wrapText="1"/>
    </xf>
    <xf numFmtId="0" fontId="0" fillId="12" borderId="0" xfId="0" applyFont="1" applyFill="1" applyBorder="1" applyAlignment="1">
      <alignment horizontal="center"/>
    </xf>
    <xf numFmtId="0" fontId="20" fillId="15" borderId="5" xfId="0" applyFont="1" applyFill="1" applyBorder="1" applyAlignment="1">
      <alignment horizontal="center" vertical="center" wrapText="1"/>
    </xf>
  </cellXfs>
  <cellStyles count="1">
    <cellStyle name="Normal" xfId="0" builtinId="0"/>
  </cellStyles>
  <dxfs count="0"/>
  <tableStyles count="0" defaultTableStyle="TableStyleMedium2" defaultPivotStyle="PivotStyleLight16"/>
  <colors>
    <indexedColors>
      <rgbColor rgb="FF000000"/>
      <rgbColor rgb="FFFFFFFF"/>
      <rgbColor rgb="FFC00000"/>
      <rgbColor rgb="FF00FF00"/>
      <rgbColor rgb="FF0000FF"/>
      <rgbColor rgb="FFFFFF00"/>
      <rgbColor rgb="FFFF00FF"/>
      <rgbColor rgb="FF00FFFF"/>
      <rgbColor rgb="FF800000"/>
      <rgbColor rgb="FF008000"/>
      <rgbColor rgb="FF000080"/>
      <rgbColor rgb="FF808000"/>
      <rgbColor rgb="FF800080"/>
      <rgbColor rgb="FF008080"/>
      <rgbColor rgb="FFB4C7E7"/>
      <rgbColor rgb="FF5B9BD5"/>
      <rgbColor rgb="FF8FAADC"/>
      <rgbColor rgb="FF7030A0"/>
      <rgbColor rgb="FFFFF2CC"/>
      <rgbColor rgb="FFE7E6E6"/>
      <rgbColor rgb="FF660066"/>
      <rgbColor rgb="FFFF8080"/>
      <rgbColor rgb="FF0066CC"/>
      <rgbColor rgb="FFBDD7EE"/>
      <rgbColor rgb="FF000080"/>
      <rgbColor rgb="FFFF00FF"/>
      <rgbColor rgb="FFFFFF00"/>
      <rgbColor rgb="FF00FFFF"/>
      <rgbColor rgb="FF800080"/>
      <rgbColor rgb="FF800000"/>
      <rgbColor rgb="FF008080"/>
      <rgbColor rgb="FF0000FF"/>
      <rgbColor rgb="FF00CCFF"/>
      <rgbColor rgb="FFCCFFFF"/>
      <rgbColor rgb="FFC5E0B4"/>
      <rgbColor rgb="FFFFFF99"/>
      <rgbColor rgb="FF99CCFF"/>
      <rgbColor rgb="FFFF99FF"/>
      <rgbColor rgb="FFC7A1E3"/>
      <rgbColor rgb="FFD9D9D9"/>
      <rgbColor rgb="FF3366FF"/>
      <rgbColor rgb="FF33CCCC"/>
      <rgbColor rgb="FF99CC00"/>
      <rgbColor rgb="FFFFC000"/>
      <rgbColor rgb="FFFF9900"/>
      <rgbColor rgb="FFFF5050"/>
      <rgbColor rgb="FF666699"/>
      <rgbColor rgb="FF70AD47"/>
      <rgbColor rgb="FF002060"/>
      <rgbColor rgb="FF339966"/>
      <rgbColor rgb="FF003300"/>
      <rgbColor rgb="FF333300"/>
      <rgbColor rgb="FF993300"/>
      <rgbColor rgb="FF993366"/>
      <rgbColor rgb="FF333399"/>
      <rgbColor rgb="FF333333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F43"/>
  <sheetViews>
    <sheetView tabSelected="1" topLeftCell="A3" zoomScale="75" zoomScaleNormal="75" workbookViewId="0">
      <selection activeCell="AA9" sqref="AA9:AA10"/>
    </sheetView>
  </sheetViews>
  <sheetFormatPr baseColWidth="10" defaultColWidth="10.7109375" defaultRowHeight="15" x14ac:dyDescent="0.25"/>
  <cols>
    <col min="1" max="1" width="18.85546875" customWidth="1"/>
  </cols>
  <sheetData>
    <row r="1" spans="1:32" ht="29.65" customHeight="1" x14ac:dyDescent="0.25">
      <c r="A1" s="68" t="s">
        <v>0</v>
      </c>
      <c r="B1" s="68"/>
      <c r="C1" s="68"/>
      <c r="D1" s="68"/>
      <c r="E1" s="68"/>
      <c r="F1" s="68"/>
      <c r="G1" s="68"/>
      <c r="H1" s="68"/>
      <c r="I1" s="68"/>
      <c r="J1" s="68"/>
      <c r="K1" s="68"/>
      <c r="L1" s="68"/>
      <c r="M1" s="68"/>
      <c r="N1" s="68"/>
      <c r="O1" s="68"/>
      <c r="P1" s="68"/>
      <c r="Q1" s="68"/>
      <c r="R1" s="68"/>
      <c r="S1" s="68"/>
      <c r="T1" s="68"/>
      <c r="U1" s="68"/>
      <c r="V1" s="68"/>
      <c r="W1" s="68"/>
      <c r="X1" s="68"/>
      <c r="Y1" s="68"/>
      <c r="Z1" s="68"/>
      <c r="AA1" s="68"/>
      <c r="AB1" s="68"/>
      <c r="AC1" s="68"/>
      <c r="AD1" s="68"/>
      <c r="AE1" s="68"/>
      <c r="AF1" s="68"/>
    </row>
    <row r="3" spans="1:32" ht="15.75" x14ac:dyDescent="0.25">
      <c r="A3" s="69" t="s">
        <v>1</v>
      </c>
      <c r="B3" s="1">
        <v>1</v>
      </c>
      <c r="C3" s="1">
        <v>2</v>
      </c>
      <c r="D3" s="1">
        <v>3</v>
      </c>
      <c r="E3" s="1">
        <v>4</v>
      </c>
      <c r="F3" s="1">
        <v>5</v>
      </c>
      <c r="G3" s="1">
        <v>6</v>
      </c>
      <c r="H3" s="1">
        <v>7</v>
      </c>
      <c r="I3" s="1">
        <v>8</v>
      </c>
      <c r="J3" s="1">
        <v>9</v>
      </c>
      <c r="K3" s="1">
        <v>10</v>
      </c>
      <c r="L3" s="1">
        <v>11</v>
      </c>
      <c r="M3" s="1">
        <v>12</v>
      </c>
      <c r="N3" s="1">
        <v>13</v>
      </c>
      <c r="O3" s="1">
        <v>14</v>
      </c>
      <c r="P3" s="1">
        <v>15</v>
      </c>
      <c r="Q3" s="1">
        <v>16</v>
      </c>
      <c r="R3" s="1">
        <v>17</v>
      </c>
      <c r="S3" s="1">
        <v>18</v>
      </c>
      <c r="T3" s="1">
        <v>19</v>
      </c>
      <c r="U3" s="1">
        <v>20</v>
      </c>
      <c r="V3" s="1">
        <v>21</v>
      </c>
      <c r="W3" s="1">
        <v>22</v>
      </c>
      <c r="X3" s="1">
        <v>23</v>
      </c>
      <c r="Y3" s="1">
        <v>24</v>
      </c>
      <c r="Z3" s="1">
        <v>25</v>
      </c>
      <c r="AA3" s="1">
        <v>26</v>
      </c>
      <c r="AB3" s="1">
        <v>27</v>
      </c>
      <c r="AC3" s="1">
        <v>28</v>
      </c>
      <c r="AD3" s="1">
        <v>29</v>
      </c>
      <c r="AE3" s="1">
        <v>30</v>
      </c>
    </row>
    <row r="4" spans="1:32" ht="23.25" customHeight="1" x14ac:dyDescent="0.25">
      <c r="A4" s="69"/>
      <c r="B4" s="2"/>
      <c r="C4" s="2"/>
      <c r="D4" s="2"/>
      <c r="E4" s="70" t="s">
        <v>2</v>
      </c>
      <c r="F4" s="3"/>
      <c r="G4" s="2"/>
      <c r="H4" s="2"/>
      <c r="I4" s="4"/>
      <c r="J4" s="2"/>
      <c r="K4" s="2"/>
      <c r="L4" s="3"/>
      <c r="M4" s="3"/>
      <c r="N4" s="2"/>
      <c r="O4" s="2"/>
      <c r="P4" s="5"/>
      <c r="Q4" s="65" t="s">
        <v>3</v>
      </c>
      <c r="R4" s="2"/>
      <c r="S4" s="3"/>
      <c r="T4" s="3"/>
      <c r="U4" s="2"/>
      <c r="V4" s="66" t="s">
        <v>4</v>
      </c>
      <c r="W4" s="5"/>
      <c r="X4" s="67" t="s">
        <v>5</v>
      </c>
      <c r="Y4" s="2"/>
      <c r="Z4" s="3"/>
      <c r="AA4" s="3"/>
      <c r="AB4" s="5"/>
      <c r="AC4" s="66" t="s">
        <v>4</v>
      </c>
      <c r="AD4" s="6"/>
      <c r="AE4" s="65" t="s">
        <v>3</v>
      </c>
    </row>
    <row r="5" spans="1:32" ht="21.75" customHeight="1" x14ac:dyDescent="0.25">
      <c r="A5" s="69"/>
      <c r="B5" s="2"/>
      <c r="C5" s="7"/>
      <c r="D5" s="8"/>
      <c r="E5" s="70"/>
      <c r="F5" s="9"/>
      <c r="G5" s="7"/>
      <c r="H5" s="7"/>
      <c r="I5" s="10"/>
      <c r="J5" s="7"/>
      <c r="K5" s="8"/>
      <c r="L5" s="9"/>
      <c r="M5" s="3"/>
      <c r="N5" s="7"/>
      <c r="O5" s="7"/>
      <c r="P5" s="5"/>
      <c r="Q5" s="65"/>
      <c r="R5" s="8"/>
      <c r="S5" s="9"/>
      <c r="T5" s="3"/>
      <c r="U5" s="10"/>
      <c r="V5" s="66"/>
      <c r="W5" s="11"/>
      <c r="X5" s="67"/>
      <c r="Y5" s="8"/>
      <c r="Z5" s="9"/>
      <c r="AA5" s="3"/>
      <c r="AB5" s="5"/>
      <c r="AC5" s="66"/>
      <c r="AD5" s="8"/>
      <c r="AE5" s="65"/>
    </row>
    <row r="6" spans="1:32" ht="23.25" x14ac:dyDescent="0.35">
      <c r="A6" s="69"/>
      <c r="B6" s="12"/>
      <c r="C6" s="13"/>
      <c r="D6" s="14"/>
      <c r="E6" s="70"/>
      <c r="F6" s="15"/>
      <c r="G6" s="13"/>
      <c r="H6" s="13"/>
      <c r="I6" s="12"/>
      <c r="J6" s="13"/>
      <c r="K6" s="14"/>
      <c r="L6" s="15"/>
      <c r="M6" s="16"/>
      <c r="N6" s="17"/>
      <c r="O6" s="17"/>
      <c r="P6" s="14"/>
      <c r="Q6" s="65"/>
      <c r="R6" s="14"/>
      <c r="S6" s="15"/>
      <c r="T6" s="16"/>
      <c r="U6" s="17"/>
      <c r="V6" s="66"/>
      <c r="W6" s="14"/>
      <c r="X6" s="67"/>
      <c r="Y6" s="14"/>
      <c r="Z6" s="15"/>
      <c r="AA6" s="16"/>
      <c r="AB6" s="5"/>
      <c r="AC6" s="66"/>
      <c r="AD6" s="14"/>
      <c r="AE6" s="65"/>
    </row>
    <row r="8" spans="1:32" ht="16.5" thickBot="1" x14ac:dyDescent="0.3">
      <c r="A8" s="69" t="s">
        <v>6</v>
      </c>
      <c r="B8" s="1">
        <v>1</v>
      </c>
      <c r="C8" s="1">
        <v>2</v>
      </c>
      <c r="D8" s="1">
        <v>3</v>
      </c>
      <c r="E8" s="1">
        <v>4</v>
      </c>
      <c r="F8" s="1">
        <v>5</v>
      </c>
      <c r="G8" s="1">
        <v>6</v>
      </c>
      <c r="H8" s="1">
        <v>7</v>
      </c>
      <c r="I8" s="1">
        <v>8</v>
      </c>
      <c r="J8" s="1">
        <v>9</v>
      </c>
      <c r="K8" s="1">
        <v>10</v>
      </c>
      <c r="L8" s="1">
        <v>11</v>
      </c>
      <c r="M8" s="1">
        <v>12</v>
      </c>
      <c r="N8" s="1">
        <v>13</v>
      </c>
      <c r="O8" s="1">
        <v>14</v>
      </c>
      <c r="P8" s="1">
        <v>15</v>
      </c>
      <c r="Q8" s="1">
        <v>16</v>
      </c>
      <c r="R8" s="1">
        <v>17</v>
      </c>
      <c r="S8" s="1">
        <v>18</v>
      </c>
      <c r="T8" s="1">
        <v>19</v>
      </c>
      <c r="U8" s="1">
        <v>20</v>
      </c>
      <c r="V8" s="1">
        <v>21</v>
      </c>
      <c r="W8" s="1">
        <v>22</v>
      </c>
      <c r="X8" s="1">
        <v>23</v>
      </c>
      <c r="Y8" s="1">
        <v>24</v>
      </c>
      <c r="Z8" s="1">
        <v>25</v>
      </c>
      <c r="AA8" s="1">
        <v>26</v>
      </c>
      <c r="AB8" s="1">
        <v>27</v>
      </c>
      <c r="AC8" s="1">
        <v>28</v>
      </c>
      <c r="AD8" s="1">
        <v>29</v>
      </c>
      <c r="AE8" s="1">
        <v>30</v>
      </c>
      <c r="AF8" s="18">
        <v>31</v>
      </c>
    </row>
    <row r="9" spans="1:32" ht="23.25" customHeight="1" thickBot="1" x14ac:dyDescent="0.3">
      <c r="A9" s="69"/>
      <c r="B9" s="2"/>
      <c r="C9" s="64" t="s">
        <v>7</v>
      </c>
      <c r="D9" s="3"/>
      <c r="E9" s="2"/>
      <c r="F9" s="2"/>
      <c r="G9" s="2"/>
      <c r="H9" s="65" t="s">
        <v>3</v>
      </c>
      <c r="I9" s="4"/>
      <c r="J9" s="3"/>
      <c r="K9" s="3"/>
      <c r="L9" s="2"/>
      <c r="M9" s="66" t="s">
        <v>4</v>
      </c>
      <c r="N9" s="2"/>
      <c r="O9" s="67" t="s">
        <v>8</v>
      </c>
      <c r="P9" s="5"/>
      <c r="Q9" s="3"/>
      <c r="R9" s="64" t="s">
        <v>9</v>
      </c>
      <c r="S9" s="2"/>
      <c r="T9" s="66" t="s">
        <v>4</v>
      </c>
      <c r="U9" s="2"/>
      <c r="V9" s="65" t="s">
        <v>3</v>
      </c>
      <c r="W9" s="5"/>
      <c r="X9" s="3"/>
      <c r="Y9" s="3"/>
      <c r="Z9" s="2"/>
      <c r="AA9" s="66" t="s">
        <v>52</v>
      </c>
      <c r="AB9" s="2"/>
      <c r="AC9" s="6"/>
      <c r="AD9" s="6"/>
      <c r="AE9" s="3"/>
      <c r="AF9" s="19"/>
    </row>
    <row r="10" spans="1:32" ht="21.75" customHeight="1" thickBot="1" x14ac:dyDescent="0.3">
      <c r="A10" s="69"/>
      <c r="B10" s="2"/>
      <c r="C10" s="64"/>
      <c r="D10" s="3"/>
      <c r="E10" s="7"/>
      <c r="F10" s="8"/>
      <c r="G10" s="2"/>
      <c r="H10" s="65"/>
      <c r="I10" s="10"/>
      <c r="J10" s="9"/>
      <c r="K10" s="3"/>
      <c r="L10" s="7"/>
      <c r="M10" s="66"/>
      <c r="N10" s="2"/>
      <c r="O10" s="67"/>
      <c r="P10" s="5"/>
      <c r="Q10" s="9"/>
      <c r="R10" s="64"/>
      <c r="S10" s="7"/>
      <c r="T10" s="66"/>
      <c r="U10" s="2"/>
      <c r="V10" s="65"/>
      <c r="W10" s="11"/>
      <c r="X10" s="9"/>
      <c r="Y10" s="3"/>
      <c r="Z10" s="2"/>
      <c r="AA10" s="66"/>
      <c r="AB10" s="2"/>
      <c r="AC10" s="10"/>
      <c r="AD10" s="8"/>
      <c r="AE10" s="9"/>
      <c r="AF10" s="19"/>
    </row>
    <row r="11" spans="1:32" ht="60.75" thickBot="1" x14ac:dyDescent="0.4">
      <c r="A11" s="69"/>
      <c r="B11" s="12"/>
      <c r="C11" s="64"/>
      <c r="D11" s="16"/>
      <c r="E11" s="13"/>
      <c r="F11" s="14"/>
      <c r="G11" s="20"/>
      <c r="H11" s="65"/>
      <c r="I11" s="12"/>
      <c r="J11" s="15"/>
      <c r="K11" s="16"/>
      <c r="L11" s="13"/>
      <c r="M11" s="66"/>
      <c r="N11" s="20"/>
      <c r="O11" s="67"/>
      <c r="P11" s="14"/>
      <c r="Q11" s="15"/>
      <c r="R11" s="64"/>
      <c r="S11" s="13"/>
      <c r="T11" s="21" t="s">
        <v>7</v>
      </c>
      <c r="U11" s="20"/>
      <c r="V11" s="65"/>
      <c r="W11" s="14"/>
      <c r="X11" s="71" t="s">
        <v>10</v>
      </c>
      <c r="Y11" s="71"/>
      <c r="Z11" s="71"/>
      <c r="AA11" s="71"/>
      <c r="AB11" s="71"/>
      <c r="AC11" s="71"/>
      <c r="AD11" s="71"/>
      <c r="AE11" s="71"/>
      <c r="AF11" s="71"/>
    </row>
    <row r="13" spans="1:32" ht="16.5" thickBot="1" x14ac:dyDescent="0.3">
      <c r="A13" s="69" t="s">
        <v>11</v>
      </c>
      <c r="B13" s="1">
        <v>1</v>
      </c>
      <c r="C13" s="1">
        <v>2</v>
      </c>
      <c r="D13" s="1">
        <v>3</v>
      </c>
      <c r="E13" s="1">
        <v>4</v>
      </c>
      <c r="F13" s="1">
        <v>5</v>
      </c>
      <c r="G13" s="1">
        <v>6</v>
      </c>
      <c r="H13" s="1">
        <v>7</v>
      </c>
      <c r="I13" s="1">
        <v>8</v>
      </c>
      <c r="J13" s="1">
        <v>9</v>
      </c>
      <c r="K13" s="1">
        <v>10</v>
      </c>
      <c r="L13" s="1">
        <v>11</v>
      </c>
      <c r="M13" s="1">
        <v>12</v>
      </c>
      <c r="N13" s="1">
        <v>13</v>
      </c>
      <c r="O13" s="1">
        <v>14</v>
      </c>
      <c r="P13" s="1">
        <v>15</v>
      </c>
      <c r="Q13" s="1">
        <v>16</v>
      </c>
      <c r="R13" s="1">
        <v>17</v>
      </c>
      <c r="S13" s="1">
        <v>18</v>
      </c>
      <c r="T13" s="1">
        <v>19</v>
      </c>
      <c r="U13" s="1">
        <v>20</v>
      </c>
      <c r="V13" s="1">
        <v>21</v>
      </c>
      <c r="W13" s="1">
        <v>22</v>
      </c>
      <c r="X13" s="1">
        <v>23</v>
      </c>
      <c r="Y13" s="1">
        <v>24</v>
      </c>
      <c r="Z13" s="1">
        <v>25</v>
      </c>
      <c r="AA13" s="1">
        <v>26</v>
      </c>
      <c r="AB13" s="1">
        <v>27</v>
      </c>
      <c r="AC13" s="1">
        <v>28</v>
      </c>
      <c r="AD13" s="1">
        <v>29</v>
      </c>
      <c r="AE13" s="1">
        <v>30</v>
      </c>
    </row>
    <row r="14" spans="1:32" ht="21" customHeight="1" thickBot="1" x14ac:dyDescent="0.3">
      <c r="A14" s="69"/>
      <c r="B14" s="72" t="s">
        <v>12</v>
      </c>
      <c r="C14" s="66" t="s">
        <v>4</v>
      </c>
      <c r="D14" s="22"/>
      <c r="E14" s="2"/>
      <c r="F14" s="2"/>
      <c r="G14" s="3"/>
      <c r="H14" s="73" t="s">
        <v>13</v>
      </c>
      <c r="I14" s="2"/>
      <c r="J14" s="2"/>
      <c r="K14" s="2"/>
      <c r="L14" s="74" t="s">
        <v>12</v>
      </c>
      <c r="M14" s="2"/>
      <c r="N14" s="3"/>
      <c r="O14" s="3"/>
      <c r="P14" s="2"/>
      <c r="Q14" s="61" t="s">
        <v>52</v>
      </c>
      <c r="R14" s="2"/>
      <c r="S14" s="23"/>
      <c r="T14" s="2"/>
      <c r="U14" s="3"/>
      <c r="V14" s="64" t="s">
        <v>9</v>
      </c>
      <c r="W14" s="5"/>
      <c r="X14" s="66" t="s">
        <v>4</v>
      </c>
      <c r="Y14" s="2"/>
      <c r="Z14" s="2"/>
      <c r="AA14" s="2"/>
      <c r="AB14" s="73" t="s">
        <v>14</v>
      </c>
      <c r="AC14" s="73" t="s">
        <v>15</v>
      </c>
      <c r="AD14" s="5"/>
      <c r="AE14" s="66" t="s">
        <v>4</v>
      </c>
    </row>
    <row r="15" spans="1:32" ht="21.75" customHeight="1" thickBot="1" x14ac:dyDescent="0.3">
      <c r="A15" s="69"/>
      <c r="B15" s="72"/>
      <c r="C15" s="66"/>
      <c r="D15" s="24"/>
      <c r="E15" s="8"/>
      <c r="F15" s="8"/>
      <c r="G15" s="3"/>
      <c r="H15" s="73"/>
      <c r="I15" s="7"/>
      <c r="J15" s="7"/>
      <c r="K15" s="8"/>
      <c r="L15" s="74"/>
      <c r="M15" s="8"/>
      <c r="N15" s="9"/>
      <c r="O15" s="9"/>
      <c r="P15" s="7"/>
      <c r="Q15" s="62"/>
      <c r="R15" s="8"/>
      <c r="S15" s="23"/>
      <c r="T15" s="8"/>
      <c r="U15" s="9"/>
      <c r="V15" s="64"/>
      <c r="W15" s="5"/>
      <c r="X15" s="66"/>
      <c r="Y15" s="8"/>
      <c r="Z15" s="2"/>
      <c r="AA15" s="8"/>
      <c r="AB15" s="73"/>
      <c r="AC15" s="73"/>
      <c r="AD15" s="5"/>
      <c r="AE15" s="66"/>
    </row>
    <row r="16" spans="1:32" ht="24" customHeight="1" thickBot="1" x14ac:dyDescent="0.4">
      <c r="A16" s="69"/>
      <c r="B16" s="75" t="s">
        <v>10</v>
      </c>
      <c r="C16" s="75"/>
      <c r="D16" s="75"/>
      <c r="E16" s="75"/>
      <c r="F16" s="75"/>
      <c r="G16" s="75"/>
      <c r="H16" s="75"/>
      <c r="I16" s="13"/>
      <c r="J16" s="13"/>
      <c r="K16" s="14"/>
      <c r="L16" s="74"/>
      <c r="M16" s="14"/>
      <c r="N16" s="15"/>
      <c r="O16" s="15"/>
      <c r="P16" s="13"/>
      <c r="Q16" s="63"/>
      <c r="R16" s="14"/>
      <c r="S16" s="25"/>
      <c r="T16" s="14"/>
      <c r="U16" s="15"/>
      <c r="V16" s="64"/>
      <c r="W16" s="5"/>
      <c r="X16" s="66"/>
      <c r="Y16" s="14"/>
      <c r="Z16" s="14"/>
      <c r="AA16" s="14"/>
      <c r="AB16" s="26" t="s">
        <v>16</v>
      </c>
      <c r="AC16" s="26" t="s">
        <v>16</v>
      </c>
      <c r="AD16" s="5"/>
      <c r="AE16" s="66"/>
    </row>
    <row r="17" spans="1:32" ht="15.75" thickBot="1" x14ac:dyDescent="0.3"/>
    <row r="18" spans="1:32" ht="15.75" x14ac:dyDescent="0.25">
      <c r="A18" s="69" t="s">
        <v>17</v>
      </c>
      <c r="B18" s="1">
        <v>1</v>
      </c>
      <c r="C18" s="1">
        <v>2</v>
      </c>
      <c r="D18" s="1">
        <v>3</v>
      </c>
      <c r="E18" s="1">
        <v>4</v>
      </c>
      <c r="F18" s="1">
        <v>5</v>
      </c>
      <c r="G18" s="1">
        <v>6</v>
      </c>
      <c r="H18" s="1">
        <v>7</v>
      </c>
      <c r="I18" s="1">
        <v>8</v>
      </c>
      <c r="J18" s="1">
        <v>9</v>
      </c>
      <c r="K18" s="1">
        <v>10</v>
      </c>
      <c r="L18" s="1">
        <v>11</v>
      </c>
      <c r="M18" s="1">
        <v>12</v>
      </c>
      <c r="N18" s="1">
        <v>13</v>
      </c>
      <c r="O18" s="1">
        <v>14</v>
      </c>
      <c r="P18" s="1">
        <v>15</v>
      </c>
      <c r="Q18" s="1">
        <v>16</v>
      </c>
      <c r="R18" s="1">
        <v>17</v>
      </c>
      <c r="S18" s="1">
        <v>18</v>
      </c>
      <c r="T18" s="1">
        <v>19</v>
      </c>
      <c r="U18" s="1">
        <v>20</v>
      </c>
      <c r="V18" s="1">
        <v>21</v>
      </c>
      <c r="W18" s="1">
        <v>22</v>
      </c>
      <c r="X18" s="1">
        <v>23</v>
      </c>
      <c r="Y18" s="1">
        <v>24</v>
      </c>
      <c r="Z18" s="1">
        <v>25</v>
      </c>
      <c r="AA18" s="1">
        <v>26</v>
      </c>
      <c r="AB18" s="1">
        <v>27</v>
      </c>
      <c r="AC18" s="1">
        <v>28</v>
      </c>
      <c r="AD18" s="1">
        <v>29</v>
      </c>
      <c r="AE18" s="1">
        <v>30</v>
      </c>
      <c r="AF18" s="18">
        <v>31</v>
      </c>
    </row>
    <row r="19" spans="1:32" ht="22.15" customHeight="1" x14ac:dyDescent="0.25">
      <c r="A19" s="69"/>
      <c r="B19" s="2"/>
      <c r="C19" s="61" t="s">
        <v>52</v>
      </c>
      <c r="D19" s="2"/>
      <c r="E19" s="73" t="s">
        <v>18</v>
      </c>
      <c r="F19" s="73" t="s">
        <v>18</v>
      </c>
      <c r="G19" s="2"/>
      <c r="H19" s="66" t="s">
        <v>4</v>
      </c>
      <c r="I19" s="4"/>
      <c r="J19" s="2"/>
      <c r="K19" s="2"/>
      <c r="L19" s="73" t="s">
        <v>19</v>
      </c>
      <c r="M19" s="73" t="s">
        <v>20</v>
      </c>
      <c r="N19" s="2"/>
      <c r="O19" s="2"/>
      <c r="P19" s="5"/>
      <c r="Q19" s="2"/>
      <c r="R19" s="2"/>
      <c r="S19" s="27"/>
      <c r="T19" s="76" t="s">
        <v>21</v>
      </c>
      <c r="U19" s="2"/>
      <c r="V19" s="5"/>
      <c r="W19" s="5"/>
      <c r="X19" s="5"/>
      <c r="Y19" s="2"/>
      <c r="Z19" s="3"/>
      <c r="AA19" s="3"/>
      <c r="AB19" s="2"/>
      <c r="AC19" s="6"/>
      <c r="AD19" s="6"/>
      <c r="AE19" s="6"/>
      <c r="AF19" s="28"/>
    </row>
    <row r="20" spans="1:32" ht="21.75" customHeight="1" x14ac:dyDescent="0.25">
      <c r="A20" s="69"/>
      <c r="B20" s="2"/>
      <c r="C20" s="62"/>
      <c r="D20" s="8"/>
      <c r="E20" s="73"/>
      <c r="F20" s="73"/>
      <c r="G20" s="7"/>
      <c r="H20" s="66"/>
      <c r="I20" s="10"/>
      <c r="J20" s="7"/>
      <c r="K20" s="8"/>
      <c r="L20" s="73"/>
      <c r="M20" s="73"/>
      <c r="N20" s="29" t="s">
        <v>22</v>
      </c>
      <c r="O20" s="7"/>
      <c r="P20" s="5"/>
      <c r="Q20" s="7"/>
      <c r="R20" s="8"/>
      <c r="S20" s="27"/>
      <c r="T20" s="76"/>
      <c r="U20" s="2"/>
      <c r="V20" s="10"/>
      <c r="W20" s="11"/>
      <c r="X20" s="7"/>
      <c r="Y20" s="8"/>
      <c r="Z20" s="3"/>
      <c r="AA20" s="9"/>
      <c r="AB20" s="2"/>
      <c r="AC20" s="10"/>
      <c r="AD20" s="8"/>
      <c r="AE20" s="7"/>
      <c r="AF20" s="28"/>
    </row>
    <row r="21" spans="1:32" ht="34.35" customHeight="1" x14ac:dyDescent="0.35">
      <c r="A21" s="69"/>
      <c r="B21" s="12"/>
      <c r="C21" s="63"/>
      <c r="D21" s="14"/>
      <c r="E21" s="30" t="s">
        <v>23</v>
      </c>
      <c r="F21" s="30" t="s">
        <v>23</v>
      </c>
      <c r="G21" s="13"/>
      <c r="H21" s="66"/>
      <c r="I21" s="12"/>
      <c r="J21" s="13"/>
      <c r="K21" s="14"/>
      <c r="L21" s="31" t="s">
        <v>24</v>
      </c>
      <c r="M21" s="31" t="s">
        <v>24</v>
      </c>
      <c r="N21" s="32" t="s">
        <v>22</v>
      </c>
      <c r="O21" s="17"/>
      <c r="P21" s="14"/>
      <c r="Q21" s="13"/>
      <c r="R21" s="14"/>
      <c r="S21" s="77" t="s">
        <v>10</v>
      </c>
      <c r="T21" s="77"/>
      <c r="U21" s="77"/>
      <c r="V21" s="77"/>
      <c r="W21" s="77"/>
      <c r="X21" s="77"/>
      <c r="Y21" s="77"/>
      <c r="Z21" s="77"/>
      <c r="AA21" s="77"/>
      <c r="AB21" s="77"/>
      <c r="AC21" s="77"/>
      <c r="AD21" s="77"/>
      <c r="AE21" s="77"/>
      <c r="AF21" s="77"/>
    </row>
    <row r="23" spans="1:32" ht="15.75" x14ac:dyDescent="0.25">
      <c r="A23" s="69" t="s">
        <v>25</v>
      </c>
      <c r="B23" s="1">
        <v>1</v>
      </c>
      <c r="C23" s="1">
        <v>2</v>
      </c>
      <c r="D23" s="1">
        <v>3</v>
      </c>
      <c r="E23" s="1">
        <v>4</v>
      </c>
      <c r="F23" s="1">
        <v>5</v>
      </c>
      <c r="G23" s="1">
        <v>6</v>
      </c>
      <c r="H23" s="1">
        <v>7</v>
      </c>
      <c r="I23" s="1">
        <v>8</v>
      </c>
      <c r="J23" s="1">
        <v>9</v>
      </c>
      <c r="K23" s="1">
        <v>10</v>
      </c>
      <c r="L23" s="1">
        <v>11</v>
      </c>
      <c r="M23" s="1">
        <v>12</v>
      </c>
      <c r="N23" s="1">
        <v>13</v>
      </c>
      <c r="O23" s="1">
        <v>14</v>
      </c>
      <c r="P23" s="1">
        <v>15</v>
      </c>
      <c r="Q23" s="1">
        <v>16</v>
      </c>
      <c r="R23" s="1">
        <v>17</v>
      </c>
      <c r="S23" s="1">
        <v>18</v>
      </c>
      <c r="T23" s="1">
        <v>19</v>
      </c>
      <c r="U23" s="1">
        <v>20</v>
      </c>
      <c r="V23" s="1">
        <v>21</v>
      </c>
      <c r="W23" s="1">
        <v>22</v>
      </c>
      <c r="X23" s="1">
        <v>23</v>
      </c>
      <c r="Y23" s="1">
        <v>24</v>
      </c>
      <c r="Z23" s="1">
        <v>25</v>
      </c>
      <c r="AA23" s="1">
        <v>26</v>
      </c>
      <c r="AB23" s="1">
        <v>27</v>
      </c>
      <c r="AC23" s="1">
        <v>28</v>
      </c>
      <c r="AD23" s="1">
        <v>29</v>
      </c>
      <c r="AE23" s="1">
        <v>30</v>
      </c>
      <c r="AF23" s="18">
        <v>31</v>
      </c>
    </row>
    <row r="24" spans="1:32" ht="19.7" customHeight="1" x14ac:dyDescent="0.25">
      <c r="A24" s="69"/>
      <c r="B24" s="3"/>
      <c r="C24" s="76" t="s">
        <v>21</v>
      </c>
      <c r="D24" s="2"/>
      <c r="E24" s="61" t="s">
        <v>52</v>
      </c>
      <c r="F24" s="2"/>
      <c r="G24" s="2"/>
      <c r="H24" s="2"/>
      <c r="I24" s="73" t="s">
        <v>26</v>
      </c>
      <c r="J24" s="73" t="s">
        <v>26</v>
      </c>
      <c r="K24" s="2"/>
      <c r="L24" s="2"/>
      <c r="M24" s="2"/>
      <c r="N24" s="2"/>
      <c r="O24" s="2"/>
      <c r="P24" s="78" t="s">
        <v>27</v>
      </c>
      <c r="Q24" s="78" t="s">
        <v>27</v>
      </c>
      <c r="R24" s="2"/>
      <c r="S24" s="23"/>
      <c r="T24" s="2"/>
      <c r="U24" s="2"/>
      <c r="V24" s="5"/>
      <c r="W24" s="33"/>
      <c r="X24" s="33"/>
      <c r="Y24" s="2"/>
      <c r="Z24" s="2"/>
      <c r="AA24" s="2"/>
      <c r="AB24" s="2"/>
      <c r="AC24" s="6"/>
      <c r="AD24" s="34" t="s">
        <v>28</v>
      </c>
      <c r="AE24" s="34" t="s">
        <v>28</v>
      </c>
      <c r="AF24" s="28"/>
    </row>
    <row r="25" spans="1:32" ht="21.75" customHeight="1" x14ac:dyDescent="0.25">
      <c r="A25" s="69"/>
      <c r="B25" s="3"/>
      <c r="C25" s="76"/>
      <c r="D25" s="2"/>
      <c r="E25" s="62"/>
      <c r="F25" s="8"/>
      <c r="G25" s="2"/>
      <c r="H25" s="7"/>
      <c r="I25" s="73"/>
      <c r="J25" s="73"/>
      <c r="K25" s="8"/>
      <c r="L25" s="2"/>
      <c r="M25" s="8"/>
      <c r="N25" s="2"/>
      <c r="O25" s="7"/>
      <c r="P25" s="78"/>
      <c r="Q25" s="78"/>
      <c r="R25" s="8"/>
      <c r="S25" s="23"/>
      <c r="T25" s="8"/>
      <c r="U25" s="2"/>
      <c r="V25" s="10"/>
      <c r="W25" s="35"/>
      <c r="X25" s="36"/>
      <c r="Y25" s="8"/>
      <c r="Z25" s="2"/>
      <c r="AA25" s="8"/>
      <c r="AB25" s="2"/>
      <c r="AC25" s="10"/>
      <c r="AD25" s="9"/>
      <c r="AE25" s="36"/>
      <c r="AF25" s="28"/>
    </row>
    <row r="26" spans="1:32" ht="23.25" x14ac:dyDescent="0.35">
      <c r="A26" s="69"/>
      <c r="B26" s="79"/>
      <c r="C26" s="79"/>
      <c r="D26" s="20"/>
      <c r="E26" s="63"/>
      <c r="F26" s="14"/>
      <c r="G26" s="20"/>
      <c r="H26" s="13"/>
      <c r="I26" s="37" t="s">
        <v>29</v>
      </c>
      <c r="J26" s="37" t="s">
        <v>29</v>
      </c>
      <c r="K26" s="14"/>
      <c r="L26" s="20"/>
      <c r="M26" s="14"/>
      <c r="N26" s="20"/>
      <c r="O26" s="17"/>
      <c r="P26" s="38" t="s">
        <v>30</v>
      </c>
      <c r="Q26" s="39" t="s">
        <v>30</v>
      </c>
      <c r="R26" s="14"/>
      <c r="S26" s="25"/>
      <c r="T26" s="14"/>
      <c r="U26" s="20"/>
      <c r="V26" s="17"/>
      <c r="W26" s="15"/>
      <c r="X26" s="16"/>
      <c r="Y26" s="14"/>
      <c r="Z26" s="20"/>
      <c r="AA26" s="14"/>
      <c r="AB26" s="20"/>
      <c r="AC26" s="17"/>
      <c r="AD26" s="15"/>
      <c r="AE26" s="16"/>
      <c r="AF26" s="40"/>
    </row>
    <row r="28" spans="1:32" ht="15.75" x14ac:dyDescent="0.25">
      <c r="A28" s="69" t="s">
        <v>31</v>
      </c>
      <c r="B28" s="1">
        <v>1</v>
      </c>
      <c r="C28" s="1">
        <v>2</v>
      </c>
      <c r="D28" s="1">
        <v>3</v>
      </c>
      <c r="E28" s="1">
        <v>4</v>
      </c>
      <c r="F28" s="1">
        <v>5</v>
      </c>
      <c r="G28" s="1">
        <v>6</v>
      </c>
      <c r="H28" s="1">
        <v>7</v>
      </c>
      <c r="I28" s="1">
        <v>8</v>
      </c>
      <c r="J28" s="1">
        <v>9</v>
      </c>
      <c r="K28" s="1">
        <v>10</v>
      </c>
      <c r="L28" s="1">
        <v>11</v>
      </c>
      <c r="M28" s="1">
        <v>12</v>
      </c>
      <c r="N28" s="1">
        <v>13</v>
      </c>
      <c r="O28" s="1">
        <v>14</v>
      </c>
      <c r="P28" s="1">
        <v>15</v>
      </c>
      <c r="Q28" s="1">
        <v>16</v>
      </c>
      <c r="R28" s="1">
        <v>17</v>
      </c>
      <c r="S28" s="1">
        <v>18</v>
      </c>
      <c r="T28" s="1">
        <v>19</v>
      </c>
      <c r="U28" s="1">
        <v>20</v>
      </c>
      <c r="V28" s="1">
        <v>21</v>
      </c>
      <c r="W28" s="1">
        <v>22</v>
      </c>
      <c r="X28" s="1">
        <v>23</v>
      </c>
      <c r="Y28" s="1">
        <v>24</v>
      </c>
      <c r="Z28" s="1">
        <v>25</v>
      </c>
      <c r="AA28" s="1">
        <v>26</v>
      </c>
      <c r="AB28" s="1">
        <v>27</v>
      </c>
      <c r="AC28" s="18">
        <v>28</v>
      </c>
    </row>
    <row r="29" spans="1:32" ht="23.25" customHeight="1" x14ac:dyDescent="0.25">
      <c r="A29" s="69"/>
      <c r="B29" s="2"/>
      <c r="C29" s="2"/>
      <c r="D29" s="2"/>
      <c r="E29" s="2"/>
      <c r="F29" s="73" t="s">
        <v>32</v>
      </c>
      <c r="G29" s="73" t="s">
        <v>32</v>
      </c>
      <c r="H29" s="2"/>
      <c r="I29" s="4"/>
      <c r="J29" s="2"/>
      <c r="K29" s="2"/>
      <c r="L29" s="2"/>
      <c r="M29" s="3"/>
      <c r="N29" s="80" t="s">
        <v>33</v>
      </c>
      <c r="O29" s="83" t="s">
        <v>34</v>
      </c>
      <c r="P29" s="83"/>
      <c r="Q29" s="83"/>
      <c r="R29" s="83"/>
      <c r="S29" s="83"/>
      <c r="T29" s="83"/>
      <c r="U29" s="3"/>
      <c r="V29" s="5"/>
      <c r="W29" s="5"/>
      <c r="X29" s="5"/>
      <c r="Y29" s="2"/>
      <c r="Z29" s="2"/>
      <c r="AA29" s="3"/>
      <c r="AB29" s="3"/>
      <c r="AC29" s="41"/>
    </row>
    <row r="30" spans="1:32" ht="21.75" customHeight="1" x14ac:dyDescent="0.25">
      <c r="A30" s="69"/>
      <c r="B30" s="2"/>
      <c r="C30" s="7"/>
      <c r="D30" s="8"/>
      <c r="E30" s="2"/>
      <c r="F30" s="73"/>
      <c r="G30" s="73"/>
      <c r="H30" s="7"/>
      <c r="I30" s="10"/>
      <c r="J30" s="7"/>
      <c r="K30" s="8"/>
      <c r="L30" s="2"/>
      <c r="M30" s="9"/>
      <c r="N30" s="80"/>
      <c r="O30" s="83"/>
      <c r="P30" s="83"/>
      <c r="Q30" s="83"/>
      <c r="R30" s="83"/>
      <c r="S30" s="83"/>
      <c r="T30" s="83"/>
      <c r="U30" s="3"/>
      <c r="V30" s="10"/>
      <c r="W30" s="11"/>
      <c r="X30" s="7"/>
      <c r="Y30" s="8"/>
      <c r="Z30" s="2"/>
      <c r="AA30" s="9"/>
      <c r="AB30" s="3"/>
      <c r="AC30" s="42"/>
    </row>
    <row r="31" spans="1:32" ht="24" customHeight="1" x14ac:dyDescent="0.35">
      <c r="A31" s="69"/>
      <c r="B31" s="12"/>
      <c r="C31" s="13"/>
      <c r="D31" s="14"/>
      <c r="E31" s="20"/>
      <c r="F31" s="43" t="s">
        <v>35</v>
      </c>
      <c r="G31" s="43" t="s">
        <v>35</v>
      </c>
      <c r="H31" s="13"/>
      <c r="I31" s="12"/>
      <c r="J31" s="13"/>
      <c r="K31" s="14"/>
      <c r="L31" s="20"/>
      <c r="M31" s="15"/>
      <c r="N31" s="39" t="s">
        <v>36</v>
      </c>
      <c r="O31" s="17"/>
      <c r="P31" s="14"/>
      <c r="Q31" s="13"/>
      <c r="R31" s="14"/>
      <c r="S31" s="25"/>
      <c r="T31" s="77" t="s">
        <v>10</v>
      </c>
      <c r="U31" s="77"/>
      <c r="V31" s="77"/>
      <c r="W31" s="77"/>
      <c r="X31" s="77"/>
      <c r="Y31" s="77"/>
      <c r="Z31" s="77"/>
      <c r="AA31" s="77"/>
      <c r="AB31" s="77"/>
      <c r="AC31" s="77"/>
    </row>
    <row r="33" spans="1:32" ht="15.75" x14ac:dyDescent="0.25">
      <c r="A33" s="69" t="s">
        <v>37</v>
      </c>
      <c r="B33" s="1">
        <v>1</v>
      </c>
      <c r="C33" s="1">
        <v>2</v>
      </c>
      <c r="D33" s="1">
        <v>3</v>
      </c>
      <c r="E33" s="1">
        <v>4</v>
      </c>
      <c r="F33" s="1">
        <v>5</v>
      </c>
      <c r="G33" s="1">
        <v>6</v>
      </c>
      <c r="H33" s="1">
        <v>7</v>
      </c>
      <c r="I33" s="1">
        <v>8</v>
      </c>
      <c r="J33" s="1">
        <v>9</v>
      </c>
      <c r="K33" s="1">
        <v>10</v>
      </c>
      <c r="L33" s="1">
        <v>11</v>
      </c>
      <c r="M33" s="1">
        <v>12</v>
      </c>
      <c r="N33" s="1">
        <v>13</v>
      </c>
      <c r="O33" s="1">
        <v>14</v>
      </c>
      <c r="P33" s="1">
        <v>15</v>
      </c>
      <c r="Q33" s="1">
        <v>16</v>
      </c>
      <c r="R33" s="1">
        <v>17</v>
      </c>
      <c r="S33" s="1">
        <v>18</v>
      </c>
      <c r="T33" s="1">
        <v>19</v>
      </c>
      <c r="U33" s="1">
        <v>20</v>
      </c>
      <c r="V33" s="1">
        <v>21</v>
      </c>
      <c r="W33" s="1">
        <v>22</v>
      </c>
      <c r="X33" s="1">
        <v>23</v>
      </c>
      <c r="Y33" s="1">
        <v>24</v>
      </c>
      <c r="Z33" s="1">
        <v>25</v>
      </c>
      <c r="AA33" s="1">
        <v>26</v>
      </c>
      <c r="AB33" s="1">
        <v>27</v>
      </c>
      <c r="AC33" s="18">
        <v>28</v>
      </c>
      <c r="AD33" s="1">
        <v>29</v>
      </c>
      <c r="AE33" s="1">
        <v>30</v>
      </c>
      <c r="AF33" s="18">
        <v>31</v>
      </c>
    </row>
    <row r="34" spans="1:32" ht="23.25" customHeight="1" x14ac:dyDescent="0.25">
      <c r="A34" s="69"/>
      <c r="B34" s="2"/>
      <c r="C34" s="2"/>
      <c r="D34" s="2"/>
      <c r="E34" s="2"/>
      <c r="F34" s="3"/>
      <c r="G34" s="3"/>
      <c r="H34" s="2"/>
      <c r="I34" s="4"/>
      <c r="J34" s="2"/>
      <c r="K34" s="2"/>
      <c r="L34" s="2"/>
      <c r="M34" s="87" t="s">
        <v>38</v>
      </c>
      <c r="N34" s="87"/>
      <c r="O34" s="44"/>
      <c r="P34" s="44"/>
      <c r="Q34" s="44"/>
      <c r="R34" s="44"/>
      <c r="S34" s="44"/>
      <c r="T34" s="45"/>
      <c r="U34" s="46"/>
      <c r="V34" s="5"/>
      <c r="W34" s="5"/>
      <c r="X34" s="5"/>
      <c r="Y34" s="2"/>
      <c r="Z34" s="2"/>
      <c r="AA34" s="3"/>
      <c r="AB34" s="80" t="s">
        <v>39</v>
      </c>
      <c r="AC34" s="47"/>
      <c r="AD34" s="48"/>
      <c r="AE34" s="48"/>
      <c r="AF34" s="28"/>
    </row>
    <row r="35" spans="1:32" ht="21.75" customHeight="1" x14ac:dyDescent="0.25">
      <c r="A35" s="69"/>
      <c r="B35" s="2"/>
      <c r="C35" s="7"/>
      <c r="D35" s="8"/>
      <c r="E35" s="2"/>
      <c r="F35" s="9"/>
      <c r="G35" s="3"/>
      <c r="H35" s="7"/>
      <c r="I35" s="10"/>
      <c r="J35" s="7"/>
      <c r="K35" s="8"/>
      <c r="L35" s="2"/>
      <c r="M35" s="87"/>
      <c r="N35" s="87"/>
      <c r="O35" s="44"/>
      <c r="P35" s="44"/>
      <c r="Q35" s="44"/>
      <c r="R35" s="44"/>
      <c r="S35" s="44"/>
      <c r="T35" s="45"/>
      <c r="U35" s="46"/>
      <c r="V35" s="10"/>
      <c r="W35" s="11"/>
      <c r="X35" s="7"/>
      <c r="Y35" s="8"/>
      <c r="Z35" s="2"/>
      <c r="AA35" s="9"/>
      <c r="AB35" s="80"/>
      <c r="AC35" s="49"/>
      <c r="AD35" s="24"/>
      <c r="AE35" s="50"/>
      <c r="AF35" s="28"/>
    </row>
    <row r="36" spans="1:32" ht="24" customHeight="1" x14ac:dyDescent="0.35">
      <c r="A36" s="69"/>
      <c r="B36" s="81" t="s">
        <v>40</v>
      </c>
      <c r="C36" s="81"/>
      <c r="D36" s="81"/>
      <c r="E36" s="81"/>
      <c r="F36" s="15"/>
      <c r="G36" s="16"/>
      <c r="H36" s="13"/>
      <c r="I36" s="12"/>
      <c r="J36" s="13"/>
      <c r="K36" s="14"/>
      <c r="L36" s="20"/>
      <c r="M36" s="87"/>
      <c r="N36" s="87"/>
      <c r="O36" s="17"/>
      <c r="P36" s="14"/>
      <c r="Q36" s="13"/>
      <c r="R36" s="14"/>
      <c r="S36" s="25"/>
      <c r="T36" s="51"/>
      <c r="U36" s="52"/>
      <c r="V36" s="53"/>
      <c r="W36" s="53"/>
      <c r="X36" s="53"/>
      <c r="Y36" s="53"/>
      <c r="Z36" s="53"/>
      <c r="AA36" s="54"/>
      <c r="AB36" s="55" t="s">
        <v>41</v>
      </c>
      <c r="AC36" s="53"/>
      <c r="AD36" s="56"/>
      <c r="AE36" s="57"/>
      <c r="AF36" s="40"/>
    </row>
    <row r="37" spans="1:32" x14ac:dyDescent="0.25">
      <c r="T37" s="58"/>
      <c r="U37" s="58"/>
    </row>
    <row r="38" spans="1:32" x14ac:dyDescent="0.25">
      <c r="A38" s="59" t="s">
        <v>42</v>
      </c>
      <c r="B38" s="59"/>
      <c r="T38" s="58"/>
      <c r="U38" s="58"/>
    </row>
    <row r="39" spans="1:32" ht="21" x14ac:dyDescent="0.25">
      <c r="A39" s="82" t="s">
        <v>43</v>
      </c>
      <c r="B39" s="82"/>
      <c r="T39" s="34" t="s">
        <v>44</v>
      </c>
      <c r="U39" s="34" t="s">
        <v>45</v>
      </c>
    </row>
    <row r="40" spans="1:32" ht="15" customHeight="1" x14ac:dyDescent="0.25">
      <c r="A40" s="84" t="s">
        <v>46</v>
      </c>
      <c r="B40" s="84"/>
      <c r="T40" t="s">
        <v>47</v>
      </c>
      <c r="U40" t="s">
        <v>48</v>
      </c>
    </row>
    <row r="41" spans="1:32" ht="15" customHeight="1" x14ac:dyDescent="0.25">
      <c r="A41" s="85" t="s">
        <v>49</v>
      </c>
      <c r="B41" s="85"/>
    </row>
    <row r="42" spans="1:32" ht="15.75" customHeight="1" x14ac:dyDescent="0.25">
      <c r="A42" s="86" t="s">
        <v>50</v>
      </c>
      <c r="B42" s="86"/>
    </row>
    <row r="43" spans="1:32" ht="15.75" customHeight="1" x14ac:dyDescent="0.25">
      <c r="A43" s="60" t="s">
        <v>51</v>
      </c>
      <c r="B43" s="60"/>
    </row>
  </sheetData>
  <mergeCells count="61">
    <mergeCell ref="A40:B40"/>
    <mergeCell ref="A41:B41"/>
    <mergeCell ref="A42:B42"/>
    <mergeCell ref="A33:A36"/>
    <mergeCell ref="M34:N36"/>
    <mergeCell ref="AB34:AB35"/>
    <mergeCell ref="B36:E36"/>
    <mergeCell ref="A39:B39"/>
    <mergeCell ref="A28:A31"/>
    <mergeCell ref="F29:F30"/>
    <mergeCell ref="G29:G30"/>
    <mergeCell ref="N29:N30"/>
    <mergeCell ref="O29:T30"/>
    <mergeCell ref="T31:AC31"/>
    <mergeCell ref="A23:A26"/>
    <mergeCell ref="C24:C25"/>
    <mergeCell ref="I24:I25"/>
    <mergeCell ref="J24:J25"/>
    <mergeCell ref="P24:P25"/>
    <mergeCell ref="B26:C26"/>
    <mergeCell ref="A8:A11"/>
    <mergeCell ref="L19:L20"/>
    <mergeCell ref="M19:M20"/>
    <mergeCell ref="T19:T20"/>
    <mergeCell ref="S21:AF21"/>
    <mergeCell ref="A18:A21"/>
    <mergeCell ref="E19:E20"/>
    <mergeCell ref="F19:F20"/>
    <mergeCell ref="H19:H21"/>
    <mergeCell ref="V14:V16"/>
    <mergeCell ref="X14:X16"/>
    <mergeCell ref="AB14:AB15"/>
    <mergeCell ref="AC14:AC15"/>
    <mergeCell ref="AE14:AE16"/>
    <mergeCell ref="A13:A16"/>
    <mergeCell ref="B14:B15"/>
    <mergeCell ref="C14:C15"/>
    <mergeCell ref="H14:H15"/>
    <mergeCell ref="L14:L16"/>
    <mergeCell ref="B16:H16"/>
    <mergeCell ref="AA9:AA10"/>
    <mergeCell ref="R9:R11"/>
    <mergeCell ref="T9:T10"/>
    <mergeCell ref="V9:V11"/>
    <mergeCell ref="X11:AF11"/>
    <mergeCell ref="A1:AF1"/>
    <mergeCell ref="A3:A6"/>
    <mergeCell ref="E4:E6"/>
    <mergeCell ref="Q4:Q6"/>
    <mergeCell ref="V4:V6"/>
    <mergeCell ref="X4:X6"/>
    <mergeCell ref="AC4:AC6"/>
    <mergeCell ref="AE4:AE6"/>
    <mergeCell ref="Q14:Q16"/>
    <mergeCell ref="C19:C21"/>
    <mergeCell ref="E24:E26"/>
    <mergeCell ref="C9:C11"/>
    <mergeCell ref="H9:H11"/>
    <mergeCell ref="M9:M11"/>
    <mergeCell ref="O9:O11"/>
    <mergeCell ref="Q24:Q25"/>
  </mergeCells>
  <pageMargins left="0.25" right="0.25" top="0.75" bottom="0.75" header="0.51180555555555496" footer="0.51180555555555496"/>
  <pageSetup paperSize="9" orientation="landscape" horizontalDpi="300" verticalDpi="300"/>
</worksheet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2</TotalTime>
  <Application>Microsoft Excel</Application>
  <DocSecurity>0</DocSecurity>
  <ScaleCrop>false</ScaleCrop>
  <HeadingPairs>
    <vt:vector size="2" baseType="variant">
      <vt:variant>
        <vt:lpstr>Feuilles de calcul</vt:lpstr>
      </vt:variant>
      <vt:variant>
        <vt:i4>1</vt:i4>
      </vt:variant>
    </vt:vector>
  </HeadingPairs>
  <TitlesOfParts>
    <vt:vector size="1" baseType="lpstr">
      <vt:lpstr>2021-2022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Clem</dc:creator>
  <dc:description/>
  <cp:lastModifiedBy>PLUVINAGE Margaux (SAFRAN AIRCRAFT ENGINES)</cp:lastModifiedBy>
  <cp:revision>1</cp:revision>
  <cp:lastPrinted>2021-06-11T15:19:06Z</cp:lastPrinted>
  <dcterms:created xsi:type="dcterms:W3CDTF">2021-06-11T15:14:43Z</dcterms:created>
  <dcterms:modified xsi:type="dcterms:W3CDTF">2021-09-29T06:54:43Z</dcterms:modified>
  <dc:language>fr-FR</dc:language>
</cp:coreProperties>
</file>